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3" d="100"/>
          <a:sy n="73" d="100"/>
        </p:scale>
        <p:origin x="91" y="475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66" Type="http://schemas.openxmlformats.org/officeDocument/2006/relationships/tags" Target="../tags/tag170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87" Type="http://schemas.openxmlformats.org/officeDocument/2006/relationships/tags" Target="../tags/tag191.xml"/><Relationship Id="rId102" Type="http://schemas.openxmlformats.org/officeDocument/2006/relationships/tags" Target="../tags/tag206.xml"/><Relationship Id="rId5" Type="http://schemas.openxmlformats.org/officeDocument/2006/relationships/tags" Target="../tags/tag109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9" name="OTLSHAPE_T_22f39fb829944911aac60ff29587efd4_HorizontalConnector1">
            <a:extLst>
              <a:ext uri="{FF2B5EF4-FFF2-40B4-BE49-F238E27FC236}">
                <a16:creationId xmlns:a16="http://schemas.microsoft.com/office/drawing/2014/main" id="{5E4EDFB7-CFC1-4358-963D-B232A89AD3C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90022" y="6447155"/>
            <a:ext cx="752204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T_853f2e2a1d91481f8b3ea3fdeadd8ffb_HorizontalConnector1">
            <a:extLst>
              <a:ext uri="{FF2B5EF4-FFF2-40B4-BE49-F238E27FC236}">
                <a16:creationId xmlns:a16="http://schemas.microsoft.com/office/drawing/2014/main" id="{55CBB2CE-255B-4636-9EDD-9A7F94D95C8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307761" y="6180455"/>
            <a:ext cx="639627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_55871566acb4479fa593c4d75faba5f3_HorizontalConnector1">
            <a:extLst>
              <a:ext uri="{FF2B5EF4-FFF2-40B4-BE49-F238E27FC236}">
                <a16:creationId xmlns:a16="http://schemas.microsoft.com/office/drawing/2014/main" id="{C8B2CD3E-A717-472D-A615-526B5D5B4C9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534245" y="5913755"/>
            <a:ext cx="532345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T_e676dd5c8d65477588b6d56b4e73ee0c_HorizontalConnector1">
            <a:extLst>
              <a:ext uri="{FF2B5EF4-FFF2-40B4-BE49-F238E27FC236}">
                <a16:creationId xmlns:a16="http://schemas.microsoft.com/office/drawing/2014/main" id="{3EE7C468-C7A1-46ED-BD23-22754B24482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39342" y="5647055"/>
            <a:ext cx="331789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T_27ae47589bac40d38409405d5a28c9b6_HorizontalConnector1">
            <a:extLst>
              <a:ext uri="{FF2B5EF4-FFF2-40B4-BE49-F238E27FC236}">
                <a16:creationId xmlns:a16="http://schemas.microsoft.com/office/drawing/2014/main" id="{319BBF73-01CA-47B4-86A1-D0081162A17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199642" y="5380355"/>
            <a:ext cx="311905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_382ddf7c49ae41a9a896b68233bb860b_HorizontalConnector1">
            <a:extLst>
              <a:ext uri="{FF2B5EF4-FFF2-40B4-BE49-F238E27FC236}">
                <a16:creationId xmlns:a16="http://schemas.microsoft.com/office/drawing/2014/main" id="{8E868E32-4510-4BA8-9F55-FA006025E8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353903" y="5113655"/>
            <a:ext cx="1710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_75dffbd02c41442183b720bbfa1c3d22_HorizontalConnector1">
            <a:extLst>
              <a:ext uri="{FF2B5EF4-FFF2-40B4-BE49-F238E27FC236}">
                <a16:creationId xmlns:a16="http://schemas.microsoft.com/office/drawing/2014/main" id="{B18A3267-4541-4B21-8202-0329317C583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07761" y="4846955"/>
            <a:ext cx="25031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T_d447ea458d95438995f5caa9b91329cc_HorizontalConnector1">
            <a:extLst>
              <a:ext uri="{FF2B5EF4-FFF2-40B4-BE49-F238E27FC236}">
                <a16:creationId xmlns:a16="http://schemas.microsoft.com/office/drawing/2014/main" id="{E1E249B3-C3FE-4645-B9AB-E4BFFDD7FBF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47190" y="4580255"/>
            <a:ext cx="19098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T_d5cd6d2f98024f49adcf10a7c42fbeff_HorizontalConnector1">
            <a:extLst>
              <a:ext uri="{FF2B5EF4-FFF2-40B4-BE49-F238E27FC236}">
                <a16:creationId xmlns:a16="http://schemas.microsoft.com/office/drawing/2014/main" id="{18CA8101-C1A4-45B6-B633-6DF28012A30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90023" y="4313555"/>
            <a:ext cx="176697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" name="OTLSHAPE_TB_00000000000000000000000000000000_LeftEndCaps">
            <a:extLst>
              <a:ext uri="{FF2B5EF4-FFF2-40B4-BE49-F238E27FC236}">
                <a16:creationId xmlns:a16="http://schemas.microsoft.com/office/drawing/2014/main" id="{3F8436CE-DC67-43D9-B421-47A7E0622FA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TB_00000000000000000000000000000000_RightEndCaps">
            <a:extLst>
              <a:ext uri="{FF2B5EF4-FFF2-40B4-BE49-F238E27FC236}">
                <a16:creationId xmlns:a16="http://schemas.microsoft.com/office/drawing/2014/main" id="{7D3F34D5-B1DE-4CD1-B643-D63EFD09828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TB_00000000000000000000000000000000_ScaleContainer">
            <a:extLst>
              <a:ext uri="{FF2B5EF4-FFF2-40B4-BE49-F238E27FC236}">
                <a16:creationId xmlns:a16="http://schemas.microsoft.com/office/drawing/2014/main" id="{C0F4EC55-8736-447D-9546-AA60386F2CE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1" name="OTLSHAPE_TB_00000000000000000000000000000000_ElapsedTime">
            <a:extLst>
              <a:ext uri="{FF2B5EF4-FFF2-40B4-BE49-F238E27FC236}">
                <a16:creationId xmlns:a16="http://schemas.microsoft.com/office/drawing/2014/main" id="{AB58468E-8AF3-486E-91E5-76346C98CAB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051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2" name="OTLSHAPE_TB_00000000000000000000000000000000_TodayMarkerShape">
            <a:extLst>
              <a:ext uri="{FF2B5EF4-FFF2-40B4-BE49-F238E27FC236}">
                <a16:creationId xmlns:a16="http://schemas.microsoft.com/office/drawing/2014/main" id="{C2EDFA3E-3361-4ABA-8A2F-664497E8C0D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2568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43" name="OTLSHAPE_TB_00000000000000000000000000000000_TodayMarkerText">
            <a:extLst>
              <a:ext uri="{FF2B5EF4-FFF2-40B4-BE49-F238E27FC236}">
                <a16:creationId xmlns:a16="http://schemas.microsoft.com/office/drawing/2014/main" id="{FADBDA02-7A52-4748-993E-588808BBE0C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27715" y="3556000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344" name="OTLSHAPE_TB_00000000000000000000000000000000_TimescaleInterval1">
            <a:extLst>
              <a:ext uri="{FF2B5EF4-FFF2-40B4-BE49-F238E27FC236}">
                <a16:creationId xmlns:a16="http://schemas.microsoft.com/office/drawing/2014/main" id="{32F39C7A-F011-410A-9807-3CB9F9CDBC00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5" name="OTLSHAPE_TB_00000000000000000000000000000000_Separator1">
            <a:extLst>
              <a:ext uri="{FF2B5EF4-FFF2-40B4-BE49-F238E27FC236}">
                <a16:creationId xmlns:a16="http://schemas.microsoft.com/office/drawing/2014/main" id="{754BB225-B192-41F1-A76B-A416D507514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569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6" name="OTLSHAPE_TB_00000000000000000000000000000000_TimescaleInterval2">
            <a:extLst>
              <a:ext uri="{FF2B5EF4-FFF2-40B4-BE49-F238E27FC236}">
                <a16:creationId xmlns:a16="http://schemas.microsoft.com/office/drawing/2014/main" id="{1BB78DA2-AADC-4881-AC76-F44E8AA6F50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620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7" name="OTLSHAPE_TB_00000000000000000000000000000000_Separator2">
            <a:extLst>
              <a:ext uri="{FF2B5EF4-FFF2-40B4-BE49-F238E27FC236}">
                <a16:creationId xmlns:a16="http://schemas.microsoft.com/office/drawing/2014/main" id="{6D3E41D3-7219-41F1-A42B-3F677B62577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8" name="OTLSHAPE_TB_00000000000000000000000000000000_TimescaleInterval3">
            <a:extLst>
              <a:ext uri="{FF2B5EF4-FFF2-40B4-BE49-F238E27FC236}">
                <a16:creationId xmlns:a16="http://schemas.microsoft.com/office/drawing/2014/main" id="{8E4E930D-9BD4-465D-8B2E-33C358562E8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9" name="OTLSHAPE_TB_00000000000000000000000000000000_Separator3">
            <a:extLst>
              <a:ext uri="{FF2B5EF4-FFF2-40B4-BE49-F238E27FC236}">
                <a16:creationId xmlns:a16="http://schemas.microsoft.com/office/drawing/2014/main" id="{F15E2E3C-0DE7-4466-8AF3-B4BE00484C0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1963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" name="OTLSHAPE_TB_00000000000000000000000000000000_TimescaleInterval4">
            <a:extLst>
              <a:ext uri="{FF2B5EF4-FFF2-40B4-BE49-F238E27FC236}">
                <a16:creationId xmlns:a16="http://schemas.microsoft.com/office/drawing/2014/main" id="{772D2BCF-CD87-41CA-99D8-A41968BE0B9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8313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T_22a4f0d76806446789e8d0dc63898e9a_Shape">
            <a:extLst>
              <a:ext uri="{FF2B5EF4-FFF2-40B4-BE49-F238E27FC236}">
                <a16:creationId xmlns:a16="http://schemas.microsoft.com/office/drawing/2014/main" id="{90EF5E3C-F996-45B8-9263-C5F89385FAE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6532" y="3945255"/>
            <a:ext cx="2209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61" name="OTLSHAPE_T_22a4f0d76806446789e8d0dc63898e9a_ShapePercentage" hidden="1">
            <a:extLst>
              <a:ext uri="{FF2B5EF4-FFF2-40B4-BE49-F238E27FC236}">
                <a16:creationId xmlns:a16="http://schemas.microsoft.com/office/drawing/2014/main" id="{8A32BE37-1BEA-4116-BAB5-412B1BF22A7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5653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62" name="OTLSHAPE_T_22a4f0d76806446789e8d0dc63898e9a_Duration" hidden="1">
            <a:extLst>
              <a:ext uri="{FF2B5EF4-FFF2-40B4-BE49-F238E27FC236}">
                <a16:creationId xmlns:a16="http://schemas.microsoft.com/office/drawing/2014/main" id="{8F86F227-F73D-4326-9609-5371D31AFFD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363" name="OTLSHAPE_T_22a4f0d76806446789e8d0dc63898e9a_TextPercentage" hidden="1">
            <a:extLst>
              <a:ext uri="{FF2B5EF4-FFF2-40B4-BE49-F238E27FC236}">
                <a16:creationId xmlns:a16="http://schemas.microsoft.com/office/drawing/2014/main" id="{B0E32DC4-45D4-45D5-9256-45286F69C1D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" name="OTLSHAPE_T_22a4f0d76806446789e8d0dc63898e9a_StartDate" hidden="1">
            <a:extLst>
              <a:ext uri="{FF2B5EF4-FFF2-40B4-BE49-F238E27FC236}">
                <a16:creationId xmlns:a16="http://schemas.microsoft.com/office/drawing/2014/main" id="{52D30A78-5A84-4D8F-B16D-68CB2CFE343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T_22a4f0d76806446789e8d0dc63898e9a_EndDate" hidden="1">
            <a:extLst>
              <a:ext uri="{FF2B5EF4-FFF2-40B4-BE49-F238E27FC236}">
                <a16:creationId xmlns:a16="http://schemas.microsoft.com/office/drawing/2014/main" id="{4B8BDEB8-5EAB-43B3-AE93-6449BCD9552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T_22a4f0d76806446789e8d0dc63898e9a_JoinedDate">
            <a:extLst>
              <a:ext uri="{FF2B5EF4-FFF2-40B4-BE49-F238E27FC236}">
                <a16:creationId xmlns:a16="http://schemas.microsoft.com/office/drawing/2014/main" id="{064BC10B-A868-44AE-A6E5-309AFAC5A39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607741" y="39693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T_22a4f0d76806446789e8d0dc63898e9a_Title">
            <a:extLst>
              <a:ext uri="{FF2B5EF4-FFF2-40B4-BE49-F238E27FC236}">
                <a16:creationId xmlns:a16="http://schemas.microsoft.com/office/drawing/2014/main" id="{F52D675D-6219-47F9-8DB1-E037641F17C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39615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368" name="OTLSHAPE_T_d5cd6d2f98024f49adcf10a7c42fbeff_Shape">
            <a:extLst>
              <a:ext uri="{FF2B5EF4-FFF2-40B4-BE49-F238E27FC236}">
                <a16:creationId xmlns:a16="http://schemas.microsoft.com/office/drawing/2014/main" id="{DFF31260-3EDC-4241-B463-140E24D6C6C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557000" y="4211955"/>
            <a:ext cx="254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69" name="OTLSHAPE_T_d5cd6d2f98024f49adcf10a7c42fbeff_ShapePercentage" hidden="1">
            <a:extLst>
              <a:ext uri="{FF2B5EF4-FFF2-40B4-BE49-F238E27FC236}">
                <a16:creationId xmlns:a16="http://schemas.microsoft.com/office/drawing/2014/main" id="{6E5333FC-0978-4F3C-B72F-26306A2F668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5700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70" name="OTLSHAPE_T_d5cd6d2f98024f49adcf10a7c42fbeff_Duration" hidden="1">
            <a:extLst>
              <a:ext uri="{FF2B5EF4-FFF2-40B4-BE49-F238E27FC236}">
                <a16:creationId xmlns:a16="http://schemas.microsoft.com/office/drawing/2014/main" id="{6591A7EE-CC89-4CB0-852F-1451D6AAAA1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4211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371" name="OTLSHAPE_T_d5cd6d2f98024f49adcf10a7c42fbeff_TextPercentage" hidden="1">
            <a:extLst>
              <a:ext uri="{FF2B5EF4-FFF2-40B4-BE49-F238E27FC236}">
                <a16:creationId xmlns:a16="http://schemas.microsoft.com/office/drawing/2014/main" id="{64B4ABE4-59CB-4C43-B537-937F07B78D5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2" name="OTLSHAPE_T_d5cd6d2f98024f49adcf10a7c42fbeff_StartDate" hidden="1">
            <a:extLst>
              <a:ext uri="{FF2B5EF4-FFF2-40B4-BE49-F238E27FC236}">
                <a16:creationId xmlns:a16="http://schemas.microsoft.com/office/drawing/2014/main" id="{5CAF69C0-32D7-49EB-B55C-17481530799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3" name="OTLSHAPE_T_d5cd6d2f98024f49adcf10a7c42fbeff_EndDate" hidden="1">
            <a:extLst>
              <a:ext uri="{FF2B5EF4-FFF2-40B4-BE49-F238E27FC236}">
                <a16:creationId xmlns:a16="http://schemas.microsoft.com/office/drawing/2014/main" id="{6AE82CF0-CCA4-451A-BF86-46768F103A5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T_d5cd6d2f98024f49adcf10a7c42fbeff_JoinedDate">
            <a:extLst>
              <a:ext uri="{FF2B5EF4-FFF2-40B4-BE49-F238E27FC236}">
                <a16:creationId xmlns:a16="http://schemas.microsoft.com/office/drawing/2014/main" id="{491BF955-BB10-4E2D-B675-B8E1DE3BD26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46742" y="42360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5" name="OTLSHAPE_T_d5cd6d2f98024f49adcf10a7c42fbeff_Title">
            <a:extLst>
              <a:ext uri="{FF2B5EF4-FFF2-40B4-BE49-F238E27FC236}">
                <a16:creationId xmlns:a16="http://schemas.microsoft.com/office/drawing/2014/main" id="{4678F05D-15E6-441B-B7CB-ED8DF44570C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42282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376" name="OTLSHAPE_T_d447ea458d95438995f5caa9b91329cc_Shape">
            <a:extLst>
              <a:ext uri="{FF2B5EF4-FFF2-40B4-BE49-F238E27FC236}">
                <a16:creationId xmlns:a16="http://schemas.microsoft.com/office/drawing/2014/main" id="{1918D732-B2E2-4C54-A484-E157ECCEFE2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57000" y="4478655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77" name="OTLSHAPE_T_d447ea458d95438995f5caa9b91329cc_ShapePercentage" hidden="1">
            <a:extLst>
              <a:ext uri="{FF2B5EF4-FFF2-40B4-BE49-F238E27FC236}">
                <a16:creationId xmlns:a16="http://schemas.microsoft.com/office/drawing/2014/main" id="{44ED2B29-0456-43A1-A70E-0BD232D0C33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557000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78" name="OTLSHAPE_T_d447ea458d95438995f5caa9b91329cc_Duration" hidden="1">
            <a:extLst>
              <a:ext uri="{FF2B5EF4-FFF2-40B4-BE49-F238E27FC236}">
                <a16:creationId xmlns:a16="http://schemas.microsoft.com/office/drawing/2014/main" id="{E40565D1-5283-4297-9612-7404EC27A8B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379" name="OTLSHAPE_T_d447ea458d95438995f5caa9b91329cc_TextPercentage" hidden="1">
            <a:extLst>
              <a:ext uri="{FF2B5EF4-FFF2-40B4-BE49-F238E27FC236}">
                <a16:creationId xmlns:a16="http://schemas.microsoft.com/office/drawing/2014/main" id="{062E71CF-E6E4-40E0-AF06-43D86DAD385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T_d447ea458d95438995f5caa9b91329cc_StartDate" hidden="1">
            <a:extLst>
              <a:ext uri="{FF2B5EF4-FFF2-40B4-BE49-F238E27FC236}">
                <a16:creationId xmlns:a16="http://schemas.microsoft.com/office/drawing/2014/main" id="{B4353475-ECF5-489C-A76E-AAFAF9704F6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1" name="OTLSHAPE_T_d447ea458d95438995f5caa9b91329cc_EndDate" hidden="1">
            <a:extLst>
              <a:ext uri="{FF2B5EF4-FFF2-40B4-BE49-F238E27FC236}">
                <a16:creationId xmlns:a16="http://schemas.microsoft.com/office/drawing/2014/main" id="{E3F2E5D4-9B17-4E6E-9D89-77767E5690F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2" name="OTLSHAPE_T_d447ea458d95438995f5caa9b91329cc_JoinedDate">
            <a:extLst>
              <a:ext uri="{FF2B5EF4-FFF2-40B4-BE49-F238E27FC236}">
                <a16:creationId xmlns:a16="http://schemas.microsoft.com/office/drawing/2014/main" id="{4CE08AB5-D193-4599-878E-CC28B184E73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454075" y="45027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T_d447ea458d95438995f5caa9b91329cc_Title">
            <a:extLst>
              <a:ext uri="{FF2B5EF4-FFF2-40B4-BE49-F238E27FC236}">
                <a16:creationId xmlns:a16="http://schemas.microsoft.com/office/drawing/2014/main" id="{4E1CE74B-D8AC-4A84-8329-5DD3DD2A385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449499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384" name="OTLSHAPE_T_75dffbd02c41442183b720bbfa1c3d22_Shape">
            <a:extLst>
              <a:ext uri="{FF2B5EF4-FFF2-40B4-BE49-F238E27FC236}">
                <a16:creationId xmlns:a16="http://schemas.microsoft.com/office/drawing/2014/main" id="{CA6B154D-3743-4C18-868C-7080F089A35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10900" y="4745355"/>
            <a:ext cx="596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5" name="OTLSHAPE_T_75dffbd02c41442183b720bbfa1c3d22_ShapePercentage" hidden="1">
            <a:extLst>
              <a:ext uri="{FF2B5EF4-FFF2-40B4-BE49-F238E27FC236}">
                <a16:creationId xmlns:a16="http://schemas.microsoft.com/office/drawing/2014/main" id="{206C7012-A044-48D7-A187-361F082670B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1090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6" name="OTLSHAPE_T_75dffbd02c41442183b720bbfa1c3d22_Duration" hidden="1">
            <a:extLst>
              <a:ext uri="{FF2B5EF4-FFF2-40B4-BE49-F238E27FC236}">
                <a16:creationId xmlns:a16="http://schemas.microsoft.com/office/drawing/2014/main" id="{72BB3AE0-1ACB-43BB-9145-35C37370800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7453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387" name="OTLSHAPE_T_75dffbd02c41442183b720bbfa1c3d22_TextPercentage" hidden="1">
            <a:extLst>
              <a:ext uri="{FF2B5EF4-FFF2-40B4-BE49-F238E27FC236}">
                <a16:creationId xmlns:a16="http://schemas.microsoft.com/office/drawing/2014/main" id="{56128215-D4CE-498D-ACB1-376C2416265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8" name="OTLSHAPE_T_75dffbd02c41442183b720bbfa1c3d22_StartDate" hidden="1">
            <a:extLst>
              <a:ext uri="{FF2B5EF4-FFF2-40B4-BE49-F238E27FC236}">
                <a16:creationId xmlns:a16="http://schemas.microsoft.com/office/drawing/2014/main" id="{BFFA9211-F4E3-4DAF-9E68-6DF93FF1BE8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9" name="OTLSHAPE_T_75dffbd02c41442183b720bbfa1c3d22_EndDate" hidden="1">
            <a:extLst>
              <a:ext uri="{FF2B5EF4-FFF2-40B4-BE49-F238E27FC236}">
                <a16:creationId xmlns:a16="http://schemas.microsoft.com/office/drawing/2014/main" id="{89F3721F-69B6-46B6-A439-42FB556A133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T_75dffbd02c41442183b720bbfa1c3d22_JoinedDate">
            <a:extLst>
              <a:ext uri="{FF2B5EF4-FFF2-40B4-BE49-F238E27FC236}">
                <a16:creationId xmlns:a16="http://schemas.microsoft.com/office/drawing/2014/main" id="{D05DB780-2903-4A60-B4E9-1F3900B1D59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454075" y="47694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1" name="OTLSHAPE_T_75dffbd02c41442183b720bbfa1c3d22_Title">
            <a:extLst>
              <a:ext uri="{FF2B5EF4-FFF2-40B4-BE49-F238E27FC236}">
                <a16:creationId xmlns:a16="http://schemas.microsoft.com/office/drawing/2014/main" id="{2E17B189-3D6B-4C85-A339-29B87046667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47616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392" name="OTLSHAPE_T_382ddf7c49ae41a9a896b68233bb860b_Shape">
            <a:extLst>
              <a:ext uri="{FF2B5EF4-FFF2-40B4-BE49-F238E27FC236}">
                <a16:creationId xmlns:a16="http://schemas.microsoft.com/office/drawing/2014/main" id="{44688EDB-BA9B-45E8-B92A-AD08B5D9299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064800" y="5012055"/>
            <a:ext cx="11938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3" name="OTLSHAPE_T_382ddf7c49ae41a9a896b68233bb860b_ShapePercentage" hidden="1">
            <a:extLst>
              <a:ext uri="{FF2B5EF4-FFF2-40B4-BE49-F238E27FC236}">
                <a16:creationId xmlns:a16="http://schemas.microsoft.com/office/drawing/2014/main" id="{FFAE89BE-5A4F-4E12-AB0B-AF167B2F66F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64800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4" name="OTLSHAPE_T_382ddf7c49ae41a9a896b68233bb860b_Duration" hidden="1">
            <a:extLst>
              <a:ext uri="{FF2B5EF4-FFF2-40B4-BE49-F238E27FC236}">
                <a16:creationId xmlns:a16="http://schemas.microsoft.com/office/drawing/2014/main" id="{21194B00-D3E6-4477-BE73-B04F2E30A2E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4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395" name="OTLSHAPE_T_382ddf7c49ae41a9a896b68233bb860b_TextPercentage" hidden="1">
            <a:extLst>
              <a:ext uri="{FF2B5EF4-FFF2-40B4-BE49-F238E27FC236}">
                <a16:creationId xmlns:a16="http://schemas.microsoft.com/office/drawing/2014/main" id="{D9620474-9A12-46D2-9463-5AED90594FF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6" name="OTLSHAPE_T_382ddf7c49ae41a9a896b68233bb860b_StartDate" hidden="1">
            <a:extLst>
              <a:ext uri="{FF2B5EF4-FFF2-40B4-BE49-F238E27FC236}">
                <a16:creationId xmlns:a16="http://schemas.microsoft.com/office/drawing/2014/main" id="{64C2948F-0579-477B-9738-5DD4F5CA4B6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7" name="OTLSHAPE_T_382ddf7c49ae41a9a896b68233bb860b_EndDate" hidden="1">
            <a:extLst>
              <a:ext uri="{FF2B5EF4-FFF2-40B4-BE49-F238E27FC236}">
                <a16:creationId xmlns:a16="http://schemas.microsoft.com/office/drawing/2014/main" id="{DF8F2A14-3EBA-4CFC-9CA9-0863A05EE56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_382ddf7c49ae41a9a896b68233bb860b_JoinedDate">
            <a:extLst>
              <a:ext uri="{FF2B5EF4-FFF2-40B4-BE49-F238E27FC236}">
                <a16:creationId xmlns:a16="http://schemas.microsoft.com/office/drawing/2014/main" id="{BA0D6833-216C-45D5-ABA4-9AB908D016A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00408" y="50361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T_382ddf7c49ae41a9a896b68233bb860b_Title">
            <a:extLst>
              <a:ext uri="{FF2B5EF4-FFF2-40B4-BE49-F238E27FC236}">
                <a16:creationId xmlns:a16="http://schemas.microsoft.com/office/drawing/2014/main" id="{4B5515F4-100E-4C97-9D02-6E8FCFC7A0D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5028396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공부 및 윈도우 프로그램 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개발</a:t>
            </a:r>
          </a:p>
        </p:txBody>
      </p:sp>
      <p:sp>
        <p:nvSpPr>
          <p:cNvPr id="400" name="OTLSHAPE_T_27ae47589bac40d38409405d5a28c9b6_Shape">
            <a:extLst>
              <a:ext uri="{FF2B5EF4-FFF2-40B4-BE49-F238E27FC236}">
                <a16:creationId xmlns:a16="http://schemas.microsoft.com/office/drawing/2014/main" id="{ED788829-287A-4F42-B06B-B40C714F97A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18700" y="5278755"/>
            <a:ext cx="3390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01" name="OTLSHAPE_T_27ae47589bac40d38409405d5a28c9b6_ShapePercentage" hidden="1">
            <a:extLst>
              <a:ext uri="{FF2B5EF4-FFF2-40B4-BE49-F238E27FC236}">
                <a16:creationId xmlns:a16="http://schemas.microsoft.com/office/drawing/2014/main" id="{9062EA1D-C60C-4776-83CF-38E5FF0A7DF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318700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02" name="OTLSHAPE_T_27ae47589bac40d38409405d5a28c9b6_Duration" hidden="1">
            <a:extLst>
              <a:ext uri="{FF2B5EF4-FFF2-40B4-BE49-F238E27FC236}">
                <a16:creationId xmlns:a16="http://schemas.microsoft.com/office/drawing/2014/main" id="{3EA83226-F907-4058-B35F-D190854ABA7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403" name="OTLSHAPE_T_27ae47589bac40d38409405d5a28c9b6_TextPercentage" hidden="1">
            <a:extLst>
              <a:ext uri="{FF2B5EF4-FFF2-40B4-BE49-F238E27FC236}">
                <a16:creationId xmlns:a16="http://schemas.microsoft.com/office/drawing/2014/main" id="{161B4426-402B-4FBB-A9D2-31F43C04765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4" name="OTLSHAPE_T_27ae47589bac40d38409405d5a28c9b6_StartDate" hidden="1">
            <a:extLst>
              <a:ext uri="{FF2B5EF4-FFF2-40B4-BE49-F238E27FC236}">
                <a16:creationId xmlns:a16="http://schemas.microsoft.com/office/drawing/2014/main" id="{413045B5-B318-4DAE-8B58-85CF319A31B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T_27ae47589bac40d38409405d5a28c9b6_EndDate" hidden="1">
            <a:extLst>
              <a:ext uri="{FF2B5EF4-FFF2-40B4-BE49-F238E27FC236}">
                <a16:creationId xmlns:a16="http://schemas.microsoft.com/office/drawing/2014/main" id="{664072A3-4031-414B-AE4D-AF900646636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6" name="OTLSHAPE_T_27ae47589bac40d38409405d5a28c9b6_JoinedDate">
            <a:extLst>
              <a:ext uri="{FF2B5EF4-FFF2-40B4-BE49-F238E27FC236}">
                <a16:creationId xmlns:a16="http://schemas.microsoft.com/office/drawing/2014/main" id="{53A24356-6828-4023-9565-E7B54A52667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754775" y="53028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7" name="OTLSHAPE_T_27ae47589bac40d38409405d5a28c9b6_Title">
            <a:extLst>
              <a:ext uri="{FF2B5EF4-FFF2-40B4-BE49-F238E27FC236}">
                <a16:creationId xmlns:a16="http://schemas.microsoft.com/office/drawing/2014/main" id="{0311C83E-F098-4F15-A651-34BD8F3B771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52950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408" name="OTLSHAPE_T_e676dd5c8d65477588b6d56b4e73ee0c_Shape">
            <a:extLst>
              <a:ext uri="{FF2B5EF4-FFF2-40B4-BE49-F238E27FC236}">
                <a16:creationId xmlns:a16="http://schemas.microsoft.com/office/drawing/2014/main" id="{0DD430B3-2896-4804-9836-788051E41EE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657233" y="5545455"/>
            <a:ext cx="2209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09" name="OTLSHAPE_T_e676dd5c8d65477588b6d56b4e73ee0c_ShapePercentage" hidden="1">
            <a:extLst>
              <a:ext uri="{FF2B5EF4-FFF2-40B4-BE49-F238E27FC236}">
                <a16:creationId xmlns:a16="http://schemas.microsoft.com/office/drawing/2014/main" id="{EE40BC65-81EC-47B8-A30F-2267748A98F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57233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10" name="OTLSHAPE_T_e676dd5c8d65477588b6d56b4e73ee0c_Duration" hidden="1">
            <a:extLst>
              <a:ext uri="{FF2B5EF4-FFF2-40B4-BE49-F238E27FC236}">
                <a16:creationId xmlns:a16="http://schemas.microsoft.com/office/drawing/2014/main" id="{C6A96DFB-08C1-48C1-8582-C6734FD5081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411" name="OTLSHAPE_T_e676dd5c8d65477588b6d56b4e73ee0c_TextPercentage" hidden="1">
            <a:extLst>
              <a:ext uri="{FF2B5EF4-FFF2-40B4-BE49-F238E27FC236}">
                <a16:creationId xmlns:a16="http://schemas.microsoft.com/office/drawing/2014/main" id="{D4358568-52ED-4ADD-B527-AD7DEB45AA8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T_e676dd5c8d65477588b6d56b4e73ee0c_StartDate" hidden="1">
            <a:extLst>
              <a:ext uri="{FF2B5EF4-FFF2-40B4-BE49-F238E27FC236}">
                <a16:creationId xmlns:a16="http://schemas.microsoft.com/office/drawing/2014/main" id="{8E9037CF-B4DA-4280-AD1D-792F528187F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T_e676dd5c8d65477588b6d56b4e73ee0c_EndDate" hidden="1">
            <a:extLst>
              <a:ext uri="{FF2B5EF4-FFF2-40B4-BE49-F238E27FC236}">
                <a16:creationId xmlns:a16="http://schemas.microsoft.com/office/drawing/2014/main" id="{96E96049-F57F-4FE8-9F65-FC502E58E76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4" name="OTLSHAPE_T_e676dd5c8d65477588b6d56b4e73ee0c_JoinedDate">
            <a:extLst>
              <a:ext uri="{FF2B5EF4-FFF2-40B4-BE49-F238E27FC236}">
                <a16:creationId xmlns:a16="http://schemas.microsoft.com/office/drawing/2014/main" id="{70F23FCB-BDB5-4A75-808D-C82A8F50A64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908442" y="55695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4-2019 - 5-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T_e676dd5c8d65477588b6d56b4e73ee0c_Title">
            <a:extLst>
              <a:ext uri="{FF2B5EF4-FFF2-40B4-BE49-F238E27FC236}">
                <a16:creationId xmlns:a16="http://schemas.microsoft.com/office/drawing/2014/main" id="{AE023D5D-0CB2-4984-949A-22DB3366299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55617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416" name="OTLSHAPE_T_55871566acb4479fa593c4d75faba5f3_Shape">
            <a:extLst>
              <a:ext uri="{FF2B5EF4-FFF2-40B4-BE49-F238E27FC236}">
                <a16:creationId xmlns:a16="http://schemas.microsoft.com/office/drawing/2014/main" id="{54C98B02-983E-4D6D-8FAA-DC52C08EEA30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857701" y="5812155"/>
            <a:ext cx="2463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17" name="OTLSHAPE_T_55871566acb4479fa593c4d75faba5f3_ShapePercentage" hidden="1">
            <a:extLst>
              <a:ext uri="{FF2B5EF4-FFF2-40B4-BE49-F238E27FC236}">
                <a16:creationId xmlns:a16="http://schemas.microsoft.com/office/drawing/2014/main" id="{0FBCACE9-2B5F-40CA-9A06-2D1C6C12C860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8577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18" name="OTLSHAPE_T_55871566acb4479fa593c4d75faba5f3_Duration" hidden="1">
            <a:extLst>
              <a:ext uri="{FF2B5EF4-FFF2-40B4-BE49-F238E27FC236}">
                <a16:creationId xmlns:a16="http://schemas.microsoft.com/office/drawing/2014/main" id="{E33CFDDC-F4A4-4A30-A57B-659E5A4AB8C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419" name="OTLSHAPE_T_55871566acb4479fa593c4d75faba5f3_TextPercentage" hidden="1">
            <a:extLst>
              <a:ext uri="{FF2B5EF4-FFF2-40B4-BE49-F238E27FC236}">
                <a16:creationId xmlns:a16="http://schemas.microsoft.com/office/drawing/2014/main" id="{88BD422D-EF88-4965-9822-C36F47D2D93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0" name="OTLSHAPE_T_55871566acb4479fa593c4d75faba5f3_StartDate" hidden="1">
            <a:extLst>
              <a:ext uri="{FF2B5EF4-FFF2-40B4-BE49-F238E27FC236}">
                <a16:creationId xmlns:a16="http://schemas.microsoft.com/office/drawing/2014/main" id="{C35BE52C-9DD2-416D-895C-D0B0CD9256E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T_55871566acb4479fa593c4d75faba5f3_EndDate" hidden="1">
            <a:extLst>
              <a:ext uri="{FF2B5EF4-FFF2-40B4-BE49-F238E27FC236}">
                <a16:creationId xmlns:a16="http://schemas.microsoft.com/office/drawing/2014/main" id="{6F3655CB-AB31-4FE5-98D2-5122485C979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T_55871566acb4479fa593c4d75faba5f3_JoinedDate">
            <a:extLst>
              <a:ext uri="{FF2B5EF4-FFF2-40B4-BE49-F238E27FC236}">
                <a16:creationId xmlns:a16="http://schemas.microsoft.com/office/drawing/2014/main" id="{05A03A50-73FD-4F82-91FE-1D45096D649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62810" y="58362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0-2019 - 6-7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_55871566acb4479fa593c4d75faba5f3_Title">
            <a:extLst>
              <a:ext uri="{FF2B5EF4-FFF2-40B4-BE49-F238E27FC236}">
                <a16:creationId xmlns:a16="http://schemas.microsoft.com/office/drawing/2014/main" id="{D3EF318C-9E7F-41C2-8F3D-6494A142B2D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828496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상 출력 모듈 개발</a:t>
            </a:r>
          </a:p>
        </p:txBody>
      </p:sp>
      <p:sp>
        <p:nvSpPr>
          <p:cNvPr id="424" name="OTLSHAPE_T_853f2e2a1d91481f8b3ea3fdeadd8ffb_Shape">
            <a:extLst>
              <a:ext uri="{FF2B5EF4-FFF2-40B4-BE49-F238E27FC236}">
                <a16:creationId xmlns:a16="http://schemas.microsoft.com/office/drawing/2014/main" id="{A5CD802A-597F-45A6-924E-0EDC29B7F86D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704034" y="6078855"/>
            <a:ext cx="596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25" name="OTLSHAPE_T_853f2e2a1d91481f8b3ea3fdeadd8ffb_ShapePercentage" hidden="1">
            <a:extLst>
              <a:ext uri="{FF2B5EF4-FFF2-40B4-BE49-F238E27FC236}">
                <a16:creationId xmlns:a16="http://schemas.microsoft.com/office/drawing/2014/main" id="{BFE6792E-1556-4295-A100-6418E823B55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70403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26" name="OTLSHAPE_T_853f2e2a1d91481f8b3ea3fdeadd8ffb_Duration" hidden="1">
            <a:extLst>
              <a:ext uri="{FF2B5EF4-FFF2-40B4-BE49-F238E27FC236}">
                <a16:creationId xmlns:a16="http://schemas.microsoft.com/office/drawing/2014/main" id="{F93E0E2C-06BD-4234-BDA9-859AD71D5A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60788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427" name="OTLSHAPE_T_853f2e2a1d91481f8b3ea3fdeadd8ffb_TextPercentage" hidden="1">
            <a:extLst>
              <a:ext uri="{FF2B5EF4-FFF2-40B4-BE49-F238E27FC236}">
                <a16:creationId xmlns:a16="http://schemas.microsoft.com/office/drawing/2014/main" id="{FF833793-C732-424F-8093-272825524C3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8" name="OTLSHAPE_T_853f2e2a1d91481f8b3ea3fdeadd8ffb_StartDate" hidden="1">
            <a:extLst>
              <a:ext uri="{FF2B5EF4-FFF2-40B4-BE49-F238E27FC236}">
                <a16:creationId xmlns:a16="http://schemas.microsoft.com/office/drawing/2014/main" id="{23119BBD-F9F8-414A-B50A-60EA2B2112F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_853f2e2a1d91481f8b3ea3fdeadd8ffb_EndDate" hidden="1">
            <a:extLst>
              <a:ext uri="{FF2B5EF4-FFF2-40B4-BE49-F238E27FC236}">
                <a16:creationId xmlns:a16="http://schemas.microsoft.com/office/drawing/2014/main" id="{74E05CE1-3D7E-4480-82B8-30476CA2DA0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_853f2e2a1d91481f8b3ea3fdeadd8ffb_JoinedDate">
            <a:extLst>
              <a:ext uri="{FF2B5EF4-FFF2-40B4-BE49-F238E27FC236}">
                <a16:creationId xmlns:a16="http://schemas.microsoft.com/office/drawing/2014/main" id="{DCD57F00-C883-4432-A132-A6810DE2623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347209" y="61029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20-2019 - 5-26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853f2e2a1d91481f8b3ea3fdeadd8ffb_Title">
            <a:extLst>
              <a:ext uri="{FF2B5EF4-FFF2-40B4-BE49-F238E27FC236}">
                <a16:creationId xmlns:a16="http://schemas.microsoft.com/office/drawing/2014/main" id="{67DF86EB-45F5-48E5-B86A-8A0980F43A5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0" y="60951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즐겨찾기 모듈 개발</a:t>
            </a:r>
          </a:p>
        </p:txBody>
      </p:sp>
      <p:sp>
        <p:nvSpPr>
          <p:cNvPr id="432" name="OTLSHAPE_T_22f39fb829944911aac60ff29587efd4_Shape">
            <a:extLst>
              <a:ext uri="{FF2B5EF4-FFF2-40B4-BE49-F238E27FC236}">
                <a16:creationId xmlns:a16="http://schemas.microsoft.com/office/drawing/2014/main" id="{42674B4A-7DC6-4379-881A-6AB13C674EAF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312068" y="6345555"/>
            <a:ext cx="1016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33" name="OTLSHAPE_T_22f39fb829944911aac60ff29587efd4_ShapePercentage" hidden="1">
            <a:extLst>
              <a:ext uri="{FF2B5EF4-FFF2-40B4-BE49-F238E27FC236}">
                <a16:creationId xmlns:a16="http://schemas.microsoft.com/office/drawing/2014/main" id="{873A6BD8-E0B6-4425-A957-872F527EB233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312068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34" name="OTLSHAPE_T_22f39fb829944911aac60ff29587efd4_Duration" hidden="1">
            <a:extLst>
              <a:ext uri="{FF2B5EF4-FFF2-40B4-BE49-F238E27FC236}">
                <a16:creationId xmlns:a16="http://schemas.microsoft.com/office/drawing/2014/main" id="{696960D8-7438-4BCC-A83A-2D003B07792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435" name="OTLSHAPE_T_22f39fb829944911aac60ff29587efd4_TextPercentage" hidden="1">
            <a:extLst>
              <a:ext uri="{FF2B5EF4-FFF2-40B4-BE49-F238E27FC236}">
                <a16:creationId xmlns:a16="http://schemas.microsoft.com/office/drawing/2014/main" id="{8BF24C98-24BE-4438-B94F-D7AACF2E35F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22f39fb829944911aac60ff29587efd4_StartDate" hidden="1">
            <a:extLst>
              <a:ext uri="{FF2B5EF4-FFF2-40B4-BE49-F238E27FC236}">
                <a16:creationId xmlns:a16="http://schemas.microsoft.com/office/drawing/2014/main" id="{17899601-E678-4DD0-A95F-8A06DE2ACA9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7" name="OTLSHAPE_T_22f39fb829944911aac60ff29587efd4_EndDate" hidden="1">
            <a:extLst>
              <a:ext uri="{FF2B5EF4-FFF2-40B4-BE49-F238E27FC236}">
                <a16:creationId xmlns:a16="http://schemas.microsoft.com/office/drawing/2014/main" id="{06BFCB64-FA40-403C-9589-E925A142ADD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8" name="OTLSHAPE_T_22f39fb829944911aac60ff29587efd4_JoinedDate">
            <a:extLst>
              <a:ext uri="{FF2B5EF4-FFF2-40B4-BE49-F238E27FC236}">
                <a16:creationId xmlns:a16="http://schemas.microsoft.com/office/drawing/2014/main" id="{F25C5A02-1671-4C64-90F5-67F03A03934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78410" y="63696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8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22f39fb829944911aac60ff29587efd4_Title">
            <a:extLst>
              <a:ext uri="{FF2B5EF4-FFF2-40B4-BE49-F238E27FC236}">
                <a16:creationId xmlns:a16="http://schemas.microsoft.com/office/drawing/2014/main" id="{168F2D03-21C2-4897-A394-7258F04AB01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0" y="63618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YtMTlUMjM6NTk6MDAiLCJGb3JtYXQiOiJNTU0iLCJUeXBlIjoyLCJBdXRvRGF0ZVJhbmdlIjp0cnVlLCJXb3JraW5nRGF5cyI6MTI3LCJUb2RheU1hcmtlclRleHQiOiLsmKTripgiLCJBdXRvU2NhbGVUeXBlIjp0cnVlfSwiTWlsZXN0b25lcyI6W10sIlRhc2tzIjpbeyIkaWQiOiIxMjgiLCJHcm91cE5hbWUiOm51bGwsIlN0YXJ0RGF0ZSI6IjIwMTktMDMtMDZUMDA6MDA6MDAiLCJFbmREYXRlIjoiMjAxOS0wMy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A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jJhNGYwZDctNjgwNi00NDY3LTg5ZTgtZDBkYzYzODk4ZTlhIiwiSW1wb3J0SWQiOm51bGwsIlRpdGxlIjoi7ZSE66Gc7KCd7Yq4IOqzhO2ajS/shKTqs4QiLCJOb3RlIjpudWxsLCJIeXBlcmxpbmsiOm51bGwsIklzQ2hhbmdlZCI6ZmFsc2UsIklzTmV3IjpmYWxzZX0seyIkaWQiOiIxNjMiLCJHcm91cE5hbWUiOm51bGwsIlN0YXJ0RGF0ZSI6IjIwMTktMDQtMDFUMDA6MDA6MDBaIiwiRW5kRGF0ZSI6IjIwMTktMDQtMzB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MyIsIk1hcmdpbiI6eyIkcmVmIjoiMTA0In0sIlBhZGRpbmciOnsiJHJlZiI6IjEwNSJ9LCJCYWNrZ3JvdW5kIjp7IiRpZCI6IjE3NCIsIkNvbG9yIjp7IiRpZCI6IjE3NSIsIkEiOjI1NSwiUiI6OTEsIkciOjE1NSwiQiI6MjEz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WNkNmQyZi05ODAyLTRmNDktYWRjZi0xMGE3YzQyZmJlZmYiLCJJbXBvcnRJZCI6bnVsbCwiVGl0bGUiOiLspJHqsIQg67O06rOg7IScIOyekeyEsSDrsI8g7ZS865Oc67CxIiwiTm90ZSI6bnVsbCwiSHlwZXJsaW5rIjpudWxsLCJJc0NoYW5nZWQiOmZhbHNlLCJJc05ldyI6ZmFsc2V9LHsiJGlkIjoiMTgzIiwiR3JvdXBOYW1lIjpudWxsLCJTdGFydERhdGUiOiIyMDE5LTA0LTAxVDAwOjAwOjAwIiwiRW5kRGF0ZSI6IjIwMTktMDQtMTBUMjM6NTk6MDBaIiwiUGVyY2VudGFnZUNvbXBsZXRlIjpudWxsLCJTdHlsZSI6eyIkaWQiOiIxODQiLCJTaGFwZSI6MC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yZWYiOiI4NiJ9fSwiTWF4V2lkdGgiOjIwMC4w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4OSJ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OTYi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cmVmIjoiOTgifSwiTGluZVdlaWdodCI6MS4wLCJMaW5lVHlwZSI6MCwiUGFyZW50U3R5bGUiOm51bGx9LCJWZXJ0aWNhbENvbm5lY3RvclN0eWxlIjp7IiRpZCI6IjE5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ExNyJ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TcifSwiSWQiOiJkNDQ3ZWE0NS04ZDk1LTQzODktOTVmNS1jYWE5YjkxMzI5Y2MiLCJJbXBvcnRJZCI6bnVsbCwiVGl0bGUiOiLqtIDroKgg7Jik7ZSI7IaM7IqkIOyImOynkS/rtoTshJ0iLCJOb3RlIjpudWxsLCJIeXBlcmxpbmsiOm51bGwsIklzQ2hhbmdlZCI6ZmFsc2UsIklzTmV3IjpmYWxzZX0seyIkaWQiOiIyMTgiLCJHcm91cE5hbWUiOm51bGwsIlN0YXJ0RGF0ZSI6IjIwMTktMDQtMDRUMDA6MDA6MDBaIiwiRW5kRGF0ZSI6IjIwMTktMDQtMTBUMjM6NTk6MDB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4Ni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OS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TM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TYifSwiSXNWaXNpYmxlIjp0cnVlLCJXaWR0aCI6MC4wLCJIZWlnaHQiOjAuMCwiQm9yZGVyU3R5bGUiOnsiJGlkIjoiMjMxIiwiTGluZUNvbG9yIjpudWxsLCJMaW5lV2VpZ2h0IjowLjAsIkxpbmVUeXBlIjowLCJQYXJlbnRTdHlsZSI6bnVsbH0sIlBhcmVudFN0eWxlIjpudWxsfSwiSG9yaXpvbnRhbENvbm5lY3RvclN0eWxlIjp7IiRpZCI6IjIzMiIsIkxpbmVDb2xvciI6eyIkcmVmIjoiOTgifSwiTGluZVdlaWdodCI6MS4wLCJMaW5lVHlwZSI6MCwiUGFyZW50U3R5bGUiOm51bGx9LCJWZXJ0aWNhbENvbm5lY3RvclN0eWxlIjp7IiRpZCI6IjIz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QiLCJNYXJnaW4iOnsiJGlkIjoiMjM1IiwiVG9wIjowLCJMZWZ0Ijo0LCJSaWdodCI6NCwiQm90dG9tIjowfSwiUGFkZGluZyI6eyIkaWQiOiIyMzYiLCJUb3AiOjAsIkxlZnQiOjAsIlJpZ2h0IjowLCJCb3R0b20iOjB9LCJCYWNrZ3JvdW5kIjp7IiRpZCI6IjIzNyIsIkNvbG9yIjp7IiRpZCI6IjIzOCIsIkEiOjI1NSwiUiI6MTEyLCJHIjoxNzMsIkIiOjcx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aWQiOiIyNDIiLCJDb2xvciI6eyIkcmVmIjoiMTE0In19LCJNYXhXaWR0aCI6OTY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ExNy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xMjEifX0sIk1heFdpZHRoIjoyMDAuMCwiTWF4SGVpZ2h0IjoiSW5maW5pdHkiLCJTbWFydEZvcmVncm91bmRJc0FjdGl2ZSI6ZmFsc2UsIkhvcml6b250YWxBbGlnbm1lbnQiOjA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MTI0In0sIklzVmlzaWJsZSI6dHJ1ZSwiV2lkdGgiOjAuMCwiSGVpZ2h0IjowLjAsIkJvcmRlclN0eWxlIjp7IiRpZCI6IjI1MSIsIkxpbmVDb2xvciI6bnVsbCwiTGluZVdlaWdodCI6MC4wLCJMaW5lVHlwZSI6MCwiUGFyZW50U3R5bGUiOm51bGx9LCJQYXJlbnRTdHlsZSI6bnVsbH0sIkRhdGVGb3JtYXQiOnsiJGlkIjoiMjU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TIifSwiSWQiOiI3NWRmZmJkMC0yYzQxLTQ0MjEtODNiNy0yMGJiZmExYzNkMjIiLCJJbXBvcnRJZCI6bnVsbCwiVGl0bGUiOiLslYjrk5zroZzsnbTrk5wg7JWxIOqwnOuwnCIsIk5vdGUiOm51bGwsIkh5cGVybGluayI6bnVsbCwiSXNDaGFuZ2VkIjpmYWxzZSwiSXNOZXciOmZhbHNlfSx7IiRpZCI6IjI1MyIsIkdyb3VwTmFtZSI6bnVsbCwiU3RhcnREYXRlIjoiMjAxOS0wNC0wN1QwMDowMDowMFoiLCJFbmREYXRlIjoiMjAxOS0wNC0yMFQyMzo1OTowMCIsIlBlcmNlbnRhZ2VDb21wbGV0ZSI6bnVsbCwiU3R5bGUiOnsiJGlkIjoiMjU0IiwiU2hhcGUiOjA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ODY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kifSwiSXNWaXNpYmxlIjp0cnVlLCJXaWR0aCI6MC4wLCJIZWlnaHQiOjAuMCwiQm9yZGVyU3R5bGUiOnsiJGlkIjoiMjYwIiwiTGluZUNvbG9yIjpudWxsLCJMaW5lV2VpZ2h0IjowLjAsIkxpbmVUeXBlIjowLCJQYXJlbnRTdHlsZSI6bnVsbH0sIlBhcmVudFN0eWxlIjpudWxsfSwiRHVyYXRpb25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kzI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k2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k4In0sIkxpbmVXZWlnaHQiOjEuMCwiTGluZVR5cGUiOjAsIlBhcmVudFN0eWxlIjpudWxsfSwiVmVydGljYWxDb25uZWN0b3JTdHlsZSI6eyIkaWQiOiIyN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ExN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xMjE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MTI0In0sIklzVmlzaWJsZSI6dHJ1ZSwiV2lkdGgiOjAuMCwiSGVpZ2h0IjowLjAsIkJvcmRlclN0eWxlIjp7IiRpZCI6IjI4NiIsIkxpbmVDb2xvciI6bnVsbCwiTGluZVdlaWdodCI6MC4wLCJMaW5lVHlwZSI6MCwiUGFyZW50U3R5bGUiOm51bGx9LCJQYXJlbnRTdHlsZSI6bnVsbH0sIkRhdGVGb3JtYXQiOnsiJGlkIjoiMjg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yODcifSwiSWQiOiIzODJkZGY3Yy00OWFlLTQxYTktYTg5Ni1iNjgyMzNiYjg2MGIiLCJJbXBvcnRJZCI6bnVsbCwiVGl0bGUiOiJDIyDqs7XrtoAg67CPIOyciOuPhOyasCDtlITroZzqt7jrnqggR1VJIOqwnOuwnCIsIk5vdGUiOm51bGwsIkh5cGVybGluayI6bnVsbCwiSXNDaGFuZ2VkIjpmYWxzZSwiSXNOZXciOmZhbHNlfSx7IiRpZCI6IjI4OCIsIkdyb3VwTmFtZSI6bnVsbCwiU3RhcnREYXRlIjoiMjAxOS0wNC0xMFQwMDowMDowMFoiLCJFbmREYXRlIjoiMjAxOS0wNS0xOVQyMzo1OTowMFoiLCJQZXJjZW50YWdlQ29tcGxldGUiOm51bGwsIlN0eWxlIjp7IiRpZCI6IjI4OSIsIlNoYXBlIjow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g2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g5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5MyJ9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5Ni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5OCJ9LCJMaW5lV2VpZ2h0IjoxLjAsIkxpbmVUeXBlIjowLCJQYXJlbnRTdHlsZSI6bnVsbH0sIlZlcnRpY2FsQ29ubmVjdG9yU3R5bGUiOnsiJGlkIjoiMzA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MTIxIn1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EyNCJ9LCJJc1Zpc2libGUiOnRydWUsIldpZHRoIjowLjAsIkhlaWdodCI6MC4wLCJCb3JkZXJTdHlsZSI6eyIkaWQiOiIzMjEiLCJMaW5lQ29sb3IiOm51bGwsIkxpbmVXZWlnaHQiOjAuMCwiTGluZVR5cGUiOjAsIlBhcmVudFN0eWxlIjpudWxsfSwiUGFyZW50U3R5bGUiOm51bGx9LCJEYXRlRm9ybWF0Ijp7IiRpZCI6IjMy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IyIn0sIklkIjoiMjdhZTQ3NTgtOWJhYy00MGQzLTg0MDktNDA1ZDVhMjhjOWI2IiwiSW1wb3J0SWQiOm51bGwsIlRpdGxlIjoi7IaQIOyduOyLnSDrqqjrk4gg6rCc67CcIiwiTm90ZSI6bnVsbCwiSHlwZXJsaW5rIjpudWxsLCJJc0NoYW5nZWQiOmZhbHNlLCJJc05ldyI6ZmFsc2V9LHsiJGlkIjoiMzIzIiwiR3JvdXBOYW1lIjpudWxsLCJTdGFydERhdGUiOiIyMDE5LTA0LTE0VDAwOjAwOjAwWiIsIkVuZERhdGUiOiIyMDE5LTA1LTA5VDIzOjU5OjAw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ODYi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Dki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kz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k2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k4In0sIkxpbmVXZWlnaHQiOjEuMCwiTGluZVR5cGUiOjAsIlBhcmVudFN0eWxlIjpudWxsfSwiVmVydGljYWxDb25uZWN0b3JTdHlsZSI6eyIkaWQiOiIzM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5IiwiTWFyZ2luIjp7IiRpZCI6IjM0MCIsIlRvcCI6MCwiTGVmdCI6NCwiUmlnaHQiOjQsIkJvdHRvbSI6MH0sIlBhZGRpbmciOnsiJGlkIjoiMzQxIiwiVG9wIjowLCJMZWZ0IjowLCJSaWdodCI6MCwiQm90dG9tIjowfSwiQmFja2dyb3VuZCI6eyIkaWQiOiIzNDIiLCJDb2xvciI6eyIkaWQiOiIzNDMiLCJBIjoyNTUsIlIiOjIzNywiRyI6MTI1LCJCIjo0OX19LCJJc1Zpc2libGUiOnRydWUsIldpZHRoIjowLjAsIkhlaWdodCI6MTYuMCwiQm9yZGVyU3R5bGUiOnsiJGlkIjoiMzQ0IiwiTGluZUNvbG9yIjp7IiRyZWYiOiIxMDk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HJlZiI6IjExNCJ9fSwiTWF4V2lkdGgiOjk2MC4wLCJNYXhIZWlnaHQiOiJJbmZpbml0eSIsIlNtYXJ0Rm9yZWdyb3VuZElzQWN0aXZlIjpmYWxzZSwiSG9yaXpvbnRhbEFsaWdubWVudCI6MC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xMTc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MTIxIn19LCJNYXhXaWR0aCI6MjA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HJlZiI6IjEyNCJ9LCJJc1Zpc2libGUiOnRydWUsIldpZHRoIjowLjAsIkhlaWdodCI6MC4wLCJCb3JkZXJTdHlsZSI6eyIkaWQiOiIzNTYiLCJMaW5lQ29sb3IiOm51bGwsIkxpbmVXZWlnaHQiOjAuMCwiTGluZVR5cGUiOjAsIlBhcmVudFN0eWxlIjpudWxsfSwiUGFyZW50U3R5bGUiOm51bGx9LCJEYXRlRm9ybWF0Ijp7IiRpZCI6IjM1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U3In0sIklkIjoiZTY3NmRkNWMtOGQ2NS00Nzc1LTg4YjYtZDU2YjRlNzNlZTBjIiwiSW1wb3J0SWQiOm51bGwsIlRpdGxlIjoi7Iug7LK0IOyduOyLnSDrqqjrk4gg6rCc67CcIiwiTm90ZSI6bnVsbCwiSHlwZXJsaW5rIjpudWxsLCJJc0NoYW5nZWQiOmZhbHNlLCJJc05ldyI6ZmFsc2V9LHsiJGlkIjoiMzU4IiwiR3JvdXBOYW1lIjpudWxsLCJTdGFydERhdGUiOiIyMDE5LTA1LTEwVDAwOjAwOjAwWiIsIkVuZERhdGUiOiIyMDE5LTA2LTA3VDIzOjU5OjAwWiIsIlBlcmNlbnRhZ2VDb21wbGV0ZSI6bnVsbCwiU3R5bGUiOnsiJGlkIjoiMzU5IiwiU2hhcGUiOjAsIlNoYXBlVGhpY2tuZXNzIjox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DY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kzIn19LCJNYXhXaWR0aCI6MjAwLjAsIk1heEhlaWdodCI6IkluZmluaXR5IiwiU21hcnRGb3JlZ3JvdW5kSXNBY3RpdmUiOmZhbHNlLCJIb3Jpem9udGFsQWxpZ25tZW50Ijow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k2In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HJlZiI6Ijk4In0sIkxpbmVXZWlnaHQiOjEuMCwiTGluZVR5cGUiOjAsIlBhcmVudFN0eWxlIjpudWxsfSwiVmVydGljYWxDb25uZWN0b3JTdHlsZSI6eyIkaWQiOiIz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xMTc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cmVmIjoiMTIx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EyNCJ9LCJJc1Zpc2libGUiOnRydWUsIldpZHRoIjowLjAsIkhlaWdodCI6MC4wLCJCb3JkZXJTdHlsZSI6eyIkaWQiOiIzOTEiLCJMaW5lQ29sb3IiOm51bGwsIkxpbmVXZWlnaHQiOjAuMCwiTGluZVR5cGUiOjAsIlBhcmVudFN0eWxlIjpudWxsfSwiUGFyZW50U3R5bGUiOm51bGx9LCJEYXRlRm9ybWF0Ijp7IiRpZCI6IjM5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ODkifSwiSXNWaXNpYmxlIjp0cnVlLCJXaWR0aCI6MC4wLCJIZWlnaHQiOjAuMCwiQm9yZGVyU3R5bGUiOnsiJGlkIjoiNDAwIiwiTGluZUNvbG9yIjpudWxsLCJMaW5lV2VpZ2h0IjowLjAsIkxpbmVUeXBlIjowLCJQYXJlbnRTdHlsZSI6bnVsbH0sIlBhcmVudFN0eWxlIjpudWxsfSwiRHVyYXRpb25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kzIn19LCJNYXhXaWR0aCI6MjA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k2In0sIklzVmlzaWJsZSI6dHJ1ZSwiV2lkdGgiOjAuMCwiSGVpZ2h0IjowLjAsIkJvcmRlclN0eWxlIjp7IiRpZCI6IjQwNiIsIkxpbmVDb2xvciI6bnVsbCwiTGluZVdlaWdodCI6MC4wLCJMaW5lVHlwZSI6MCwiUGFyZW50U3R5bGUiOm51bGx9LCJQYXJlbnRTdHlsZSI6bnVsbH0sIkhvcml6b250YWxDb25uZWN0b3JTdHlsZSI6eyIkaWQiOiI0MDciLCJMaW5lQ29sb3IiOnsiJHJlZiI6Ijk4In0sIkxpbmVXZWlnaHQiOjEuMCwiTGluZVR5cGUiOjAsIlBhcmVudFN0eWxlIjpudWxsfSwiVmVydGljYWxDb25uZWN0b3JTdHlsZSI6eyIkaWQiOiI0M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A5IiwiTWFyZ2luIjp7IiRpZCI6IjQxMCIsIlRvcCI6MCwiTGVmdCI6NCwiUmlnaHQiOjQsIkJvdHRvbSI6MH0sIlBhZGRpbmciOnsiJGlkIjoiNDExIiwiVG9wIjowLCJMZWZ0IjowLCJSaWdodCI6MCwiQm90dG9tIjowfSwiQmFja2dyb3VuZCI6eyIkaWQiOiI0MTIiLCJDb2xvciI6eyIkaWQiOiI0MTMiLCJBIjoyNTUsIlIiOjI1NSwiRyI6MTkyLCJCIjow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cmVmIjoiMTE0In19LCJNYXhXaWR0aCI6OTYwLjAsIk1heEhlaWdodCI6IkluZmluaXR5IiwiU21hcnRGb3JlZ3JvdW5kSXNBY3RpdmUiOmZhbHNlLCJIb3Jpem9udGFsQWxpZ25tZW50Ijow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OTYifSwiSXNWaXNpYmxlIjp0cnVlLCJXaWR0aCI6MC4wLCJIZWlnaHQiOjAuMCwiQm9yZGVyU3R5bGUiOnsiJGlkIjoiNDQxIiwiTGluZUNvbG9yIjpudWxsLCJMaW5lV2VpZ2h0IjowLjAsIkxpbmVUeXBlIjowLCJQYXJlbnRTdHlsZSI6bnVsbH0sIlBhcmVudFN0eWxlIjpudWxsfSwiSG9yaXpvbnRhbENvbm5lY3RvclN0eWxlIjp7IiRpZCI6IjQ0MiIsIkxpbmVDb2xvciI6eyIkcmVmIjoiOTgifSwiTGluZVdlaWdodCI6MS4wLCJMaW5lVHlwZSI6MCwiUGFyZW50U3R5bGUiOm51bGx9LCJWZXJ0aWNhbENvbm5lY3RvclN0eWxlIjp7IiRpZCI6IjQ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2NyIsIlVzZVRpbWUiOmZhbHNlLCJXb3JrRGF5U3RhcnQiOiIwMDowMDowMCIsIldvcmtEYXlFbmQiOiIyMzo1OTowMCJ9LCJMYXN0VXNlZFRlbXBsYXRlSWQiOiI3MzU1YjYzMy1hYzY2LTQ1MjgtOGI0ZC0yOTlmYWVkYzllZTki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8</Words>
  <Application>Microsoft Office PowerPoint</Application>
  <PresentationFormat>와이드스크린</PresentationFormat>
  <Paragraphs>87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4-17T10:34:31Z</dcterms:modified>
</cp:coreProperties>
</file>